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tiff" ContentType="image/tiff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37782C8" w14:textId="77777777" w:rsidR="00D6753D" w:rsidRDefault="00D6753D">
      <w:pPr>
        <w:rPr>
          <w:i/>
          <w:iCs/>
        </w:rPr>
      </w:pPr>
    </w:p>
    <w:p w14:paraId="08472330" w14:textId="77777777" w:rsidR="00D6753D" w:rsidRDefault="00D6753D">
      <w:pPr>
        <w:rPr>
          <w:i/>
          <w:iCs/>
        </w:rPr>
      </w:pPr>
    </w:p>
    <w:p w14:paraId="09EFCF48" w14:textId="606B169F" w:rsidR="00D6753D" w:rsidRDefault="00D6753D">
      <w:pPr>
        <w:rPr>
          <w:i/>
          <w:iCs/>
        </w:rPr>
      </w:pPr>
      <w:r>
        <w:rPr>
          <w:noProof/>
        </w:rPr>
        <w:drawing>
          <wp:inline distT="0" distB="0" distL="0" distR="0" wp14:anchorId="074FB32C" wp14:editId="1799578F">
            <wp:extent cx="3045460" cy="3045460"/>
            <wp:effectExtent l="0" t="0" r="2540" b="2540"/>
            <wp:docPr id="2" name="Picture 2" descr="C:\Users\s1893069\OneDrive - University of Edinburgh\PhD year 1\Awards\AnatSoc Best Image Entry\Entry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C:\Users\s1893069\OneDrive - University of Edinburgh\PhD year 1\Awards\AnatSoc Best Image Entry\Entry.tif"/>
                    <pic:cNvPicPr>
                      <a:picLocks noChangeAspect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45460" cy="30454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BB96D1B" w14:textId="77777777" w:rsidR="00D6753D" w:rsidRDefault="00D6753D">
      <w:pPr>
        <w:rPr>
          <w:i/>
          <w:iCs/>
        </w:rPr>
      </w:pPr>
    </w:p>
    <w:p w14:paraId="1092A9C1" w14:textId="77777777" w:rsidR="00D6753D" w:rsidRDefault="00D6753D">
      <w:pPr>
        <w:rPr>
          <w:i/>
          <w:iCs/>
        </w:rPr>
      </w:pPr>
    </w:p>
    <w:p w14:paraId="08C4DB26" w14:textId="77777777" w:rsidR="00D6753D" w:rsidRDefault="00D6753D">
      <w:pPr>
        <w:rPr>
          <w:i/>
          <w:iCs/>
        </w:rPr>
      </w:pPr>
    </w:p>
    <w:p w14:paraId="71FDE6E6" w14:textId="2411D773" w:rsidR="00910B9E" w:rsidRPr="00D6753D" w:rsidRDefault="00D6753D">
      <w:pPr>
        <w:rPr>
          <w:i/>
          <w:iCs/>
        </w:rPr>
      </w:pPr>
      <w:r w:rsidRPr="00D6753D">
        <w:rPr>
          <w:i/>
          <w:iCs/>
        </w:rPr>
        <w:t>File: Nithya Nair – Anatomy of the heart – v1 - 251122</w:t>
      </w:r>
    </w:p>
    <w:sectPr w:rsidR="00910B9E" w:rsidRPr="00D6753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characterSpacingControl w:val="doNotCompress"/>
  <w:savePreviewPicture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6753D"/>
    <w:rsid w:val="00910B9E"/>
    <w:rsid w:val="00D675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FD5C7B8"/>
  <w15:chartTrackingRefBased/>
  <w15:docId w15:val="{7C97916D-24F2-42AA-8115-384DC9BC6FE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tiff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9</Words>
  <Characters>53</Characters>
  <Application>Microsoft Office Word</Application>
  <DocSecurity>0</DocSecurity>
  <Lines>1</Lines>
  <Paragraphs>1</Paragraphs>
  <ScaleCrop>false</ScaleCrop>
  <Company>KCL</Company>
  <LinksUpToDate>false</LinksUpToDate>
  <CharactersWithSpaces>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iggott, Maryanne</dc:creator>
  <cp:keywords/>
  <dc:description/>
  <cp:lastModifiedBy>Piggott, Maryanne</cp:lastModifiedBy>
  <cp:revision>1</cp:revision>
  <dcterms:created xsi:type="dcterms:W3CDTF">2022-11-25T15:39:00Z</dcterms:created>
  <dcterms:modified xsi:type="dcterms:W3CDTF">2022-11-25T15:40:00Z</dcterms:modified>
</cp:coreProperties>
</file>